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559"/>
        <w:gridCol w:w="1134"/>
        <w:gridCol w:w="850"/>
        <w:gridCol w:w="993"/>
        <w:gridCol w:w="468"/>
        <w:gridCol w:w="520"/>
        <w:gridCol w:w="731"/>
        <w:gridCol w:w="1251"/>
      </w:tblGrid>
      <w:tr w:rsidR="00DA0416" w:rsidRPr="00012464" w14:paraId="10EA8F1A" w14:textId="77777777" w:rsidTr="2825C1AD">
        <w:trPr>
          <w:jc w:val="center"/>
        </w:trPr>
        <w:tc>
          <w:tcPr>
            <w:tcW w:w="9628" w:type="dxa"/>
            <w:gridSpan w:val="9"/>
            <w:vAlign w:val="center"/>
          </w:tcPr>
          <w:p w14:paraId="240C8F84" w14:textId="77777777" w:rsidR="00DA0416" w:rsidRPr="00012464" w:rsidRDefault="00DA0416" w:rsidP="00C84055">
            <w:pPr>
              <w:jc w:val="center"/>
              <w:rPr>
                <w:lang w:val="da-DK"/>
              </w:rPr>
            </w:pPr>
            <w:r w:rsidRPr="00012464">
              <w:rPr>
                <w:b/>
                <w:sz w:val="32"/>
                <w:szCs w:val="32"/>
                <w:lang w:val="da-DK"/>
              </w:rPr>
              <w:t xml:space="preserve">Tilsyn med Lundby Dambrug </w:t>
            </w:r>
          </w:p>
        </w:tc>
      </w:tr>
      <w:tr w:rsidR="00DA0416" w:rsidRPr="00012464" w14:paraId="7A6AEC0C" w14:textId="77777777" w:rsidTr="001675E2">
        <w:trPr>
          <w:jc w:val="center"/>
        </w:trPr>
        <w:tc>
          <w:tcPr>
            <w:tcW w:w="2122" w:type="dxa"/>
            <w:vAlign w:val="center"/>
          </w:tcPr>
          <w:p w14:paraId="11808B40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Dato for administrativt tilsyn</w:t>
            </w:r>
          </w:p>
        </w:tc>
        <w:tc>
          <w:tcPr>
            <w:tcW w:w="1559" w:type="dxa"/>
            <w:vAlign w:val="center"/>
          </w:tcPr>
          <w:p w14:paraId="0B6ACF93" w14:textId="051214A8" w:rsidR="00DA0416" w:rsidRPr="001675E2" w:rsidRDefault="001675E2" w:rsidP="001675E2">
            <w:pPr>
              <w:pStyle w:val="Listeafsnit"/>
              <w:numPr>
                <w:ilvl w:val="0"/>
                <w:numId w:val="1"/>
              </w:num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 xml:space="preserve">april </w:t>
            </w:r>
            <w:r w:rsidRPr="001675E2">
              <w:rPr>
                <w:lang w:val="da-DK"/>
              </w:rPr>
              <w:t>2025</w:t>
            </w:r>
          </w:p>
        </w:tc>
        <w:tc>
          <w:tcPr>
            <w:tcW w:w="2977" w:type="dxa"/>
            <w:gridSpan w:val="3"/>
            <w:vAlign w:val="center"/>
          </w:tcPr>
          <w:p w14:paraId="1BA9EC28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</w:p>
        </w:tc>
        <w:tc>
          <w:tcPr>
            <w:tcW w:w="2970" w:type="dxa"/>
            <w:gridSpan w:val="4"/>
            <w:vAlign w:val="center"/>
          </w:tcPr>
          <w:p w14:paraId="60D58562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</w:p>
        </w:tc>
      </w:tr>
      <w:tr w:rsidR="00DA0416" w:rsidRPr="00012464" w14:paraId="131F4768" w14:textId="77777777" w:rsidTr="2825C1AD">
        <w:trPr>
          <w:trHeight w:val="621"/>
          <w:jc w:val="center"/>
        </w:trPr>
        <w:tc>
          <w:tcPr>
            <w:tcW w:w="2122" w:type="dxa"/>
            <w:vAlign w:val="center"/>
          </w:tcPr>
          <w:p w14:paraId="72EE7454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Navn, adresse, tlf</w:t>
            </w:r>
          </w:p>
        </w:tc>
        <w:tc>
          <w:tcPr>
            <w:tcW w:w="7506" w:type="dxa"/>
            <w:gridSpan w:val="8"/>
            <w:vAlign w:val="center"/>
          </w:tcPr>
          <w:p w14:paraId="40F1B0FA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Kildevej 4, 9240 Nibe</w:t>
            </w:r>
          </w:p>
        </w:tc>
      </w:tr>
      <w:tr w:rsidR="00DA0416" w:rsidRPr="00012464" w14:paraId="3DC019DC" w14:textId="77777777" w:rsidTr="001675E2">
        <w:trPr>
          <w:jc w:val="center"/>
        </w:trPr>
        <w:tc>
          <w:tcPr>
            <w:tcW w:w="2122" w:type="dxa"/>
            <w:vAlign w:val="center"/>
          </w:tcPr>
          <w:p w14:paraId="3203196E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Registrerings nr.</w:t>
            </w:r>
          </w:p>
        </w:tc>
        <w:tc>
          <w:tcPr>
            <w:tcW w:w="1559" w:type="dxa"/>
            <w:vAlign w:val="center"/>
          </w:tcPr>
          <w:p w14:paraId="3BF350BA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CVR</w:t>
            </w:r>
          </w:p>
        </w:tc>
        <w:tc>
          <w:tcPr>
            <w:tcW w:w="1134" w:type="dxa"/>
            <w:vAlign w:val="center"/>
          </w:tcPr>
          <w:p w14:paraId="006CB927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15674490</w:t>
            </w:r>
          </w:p>
        </w:tc>
        <w:tc>
          <w:tcPr>
            <w:tcW w:w="850" w:type="dxa"/>
            <w:vAlign w:val="center"/>
          </w:tcPr>
          <w:p w14:paraId="6607CEE1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5498730B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</w:p>
        </w:tc>
        <w:tc>
          <w:tcPr>
            <w:tcW w:w="1251" w:type="dxa"/>
            <w:gridSpan w:val="2"/>
            <w:vAlign w:val="center"/>
          </w:tcPr>
          <w:p w14:paraId="7782421D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CHR</w:t>
            </w:r>
          </w:p>
        </w:tc>
        <w:tc>
          <w:tcPr>
            <w:tcW w:w="1251" w:type="dxa"/>
            <w:vAlign w:val="center"/>
          </w:tcPr>
          <w:p w14:paraId="5B2F398F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103606</w:t>
            </w:r>
          </w:p>
        </w:tc>
      </w:tr>
      <w:tr w:rsidR="00DA0416" w:rsidRPr="00012464" w14:paraId="5A928A38" w14:textId="77777777" w:rsidTr="2825C1AD">
        <w:trPr>
          <w:jc w:val="center"/>
        </w:trPr>
        <w:tc>
          <w:tcPr>
            <w:tcW w:w="2122" w:type="dxa"/>
            <w:vAlign w:val="center"/>
          </w:tcPr>
          <w:p w14:paraId="0DACF0E1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Listebetegnelse</w:t>
            </w:r>
          </w:p>
        </w:tc>
        <w:tc>
          <w:tcPr>
            <w:tcW w:w="7506" w:type="dxa"/>
            <w:gridSpan w:val="8"/>
            <w:vAlign w:val="center"/>
          </w:tcPr>
          <w:p w14:paraId="3EA1A70E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I201 Ferskvandsdambrug</w:t>
            </w:r>
          </w:p>
        </w:tc>
      </w:tr>
      <w:tr w:rsidR="00DA0416" w:rsidRPr="00012464" w14:paraId="1A449BC5" w14:textId="77777777" w:rsidTr="2825C1AD">
        <w:trPr>
          <w:jc w:val="center"/>
        </w:trPr>
        <w:tc>
          <w:tcPr>
            <w:tcW w:w="2122" w:type="dxa"/>
            <w:vAlign w:val="center"/>
          </w:tcPr>
          <w:p w14:paraId="42CD60C8" w14:textId="77777777" w:rsidR="00DA0416" w:rsidRPr="00012464" w:rsidRDefault="00DA0416" w:rsidP="00C84055">
            <w:pPr>
              <w:spacing w:after="0"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Miljøgodkendelse</w:t>
            </w:r>
          </w:p>
        </w:tc>
        <w:tc>
          <w:tcPr>
            <w:tcW w:w="3543" w:type="dxa"/>
            <w:gridSpan w:val="3"/>
            <w:vAlign w:val="center"/>
          </w:tcPr>
          <w:p w14:paraId="5C06BBB6" w14:textId="77777777" w:rsidR="00DA0416" w:rsidRPr="00012464" w:rsidRDefault="00DA0416" w:rsidP="00C84055">
            <w:pPr>
              <w:spacing w:after="0" w:line="276" w:lineRule="auto"/>
              <w:rPr>
                <w:b/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17.02.2010, vilkårsændret 13.07.2011</w:t>
            </w:r>
          </w:p>
        </w:tc>
        <w:tc>
          <w:tcPr>
            <w:tcW w:w="1981" w:type="dxa"/>
            <w:gridSpan w:val="3"/>
            <w:vAlign w:val="center"/>
          </w:tcPr>
          <w:p w14:paraId="095C13E8" w14:textId="77777777" w:rsidR="00DA0416" w:rsidRPr="00012464" w:rsidRDefault="00DA0416" w:rsidP="00C84055">
            <w:pPr>
              <w:spacing w:after="0" w:line="276" w:lineRule="auto"/>
              <w:rPr>
                <w:lang w:val="da-DK"/>
              </w:rPr>
            </w:pPr>
            <w:r w:rsidRPr="00012464">
              <w:rPr>
                <w:b/>
                <w:lang w:val="da-DK"/>
              </w:rPr>
              <w:t>Vandindvinding</w:t>
            </w:r>
          </w:p>
        </w:tc>
        <w:tc>
          <w:tcPr>
            <w:tcW w:w="1982" w:type="dxa"/>
            <w:gridSpan w:val="2"/>
            <w:vAlign w:val="center"/>
          </w:tcPr>
          <w:p w14:paraId="2C745624" w14:textId="77777777" w:rsidR="00DA0416" w:rsidRPr="00012464" w:rsidRDefault="00DA0416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29.08.2005</w:t>
            </w:r>
          </w:p>
          <w:p w14:paraId="06197906" w14:textId="77777777" w:rsidR="00DA0416" w:rsidRPr="00012464" w:rsidRDefault="00DA0416" w:rsidP="00C84055">
            <w:pPr>
              <w:spacing w:after="0"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(grundvand)</w:t>
            </w:r>
          </w:p>
        </w:tc>
      </w:tr>
      <w:tr w:rsidR="00DA0416" w:rsidRPr="00012464" w14:paraId="354CEEBB" w14:textId="77777777" w:rsidTr="2825C1AD">
        <w:trPr>
          <w:jc w:val="center"/>
        </w:trPr>
        <w:tc>
          <w:tcPr>
            <w:tcW w:w="2122" w:type="dxa"/>
            <w:vAlign w:val="center"/>
          </w:tcPr>
          <w:p w14:paraId="55189E12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Baggrund og omfang</w:t>
            </w:r>
          </w:p>
        </w:tc>
        <w:tc>
          <w:tcPr>
            <w:tcW w:w="7506" w:type="dxa"/>
            <w:gridSpan w:val="8"/>
            <w:vAlign w:val="center"/>
          </w:tcPr>
          <w:p w14:paraId="2C74F9A6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lang w:val="da-DK"/>
              </w:rPr>
              <w:t>Baggrunden for tilsynet er, at Aalborg Kommune fører tilsyn med dambrug, jævnfør bekendtgørelse nr. 1567 af 7. december 2016 om ferskvandsdambrug.</w:t>
            </w:r>
          </w:p>
          <w:p w14:paraId="1E9A185E" w14:textId="77777777" w:rsidR="00DA0416" w:rsidRPr="00012464" w:rsidRDefault="00DA0416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Tilsynet er et administrativt tilsyn og omhandler dambrugets årsindberetning og</w:t>
            </w:r>
          </w:p>
          <w:p w14:paraId="23AF232A" w14:textId="298C37F7" w:rsidR="00DA0416" w:rsidRPr="00012464" w:rsidRDefault="00DA0416" w:rsidP="00DA0416">
            <w:pPr>
              <w:spacing w:after="0"/>
              <w:rPr>
                <w:rFonts w:ascii="Calibri" w:hAnsi="Calibri" w:cs="Calibri"/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egenkontrol for det foregående år. Det administrative tilsyn er en del af det samlede tilsyn, som Aalborg Kommune fører med dambrug.</w:t>
            </w:r>
          </w:p>
          <w:p w14:paraId="10E4D1AF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lang w:val="da-DK"/>
              </w:rP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345E9F" w:rsidRPr="00012464" w14:paraId="35B98138" w14:textId="77777777" w:rsidTr="2825C1AD">
        <w:trPr>
          <w:jc w:val="center"/>
        </w:trPr>
        <w:tc>
          <w:tcPr>
            <w:tcW w:w="2122" w:type="dxa"/>
            <w:vAlign w:val="center"/>
          </w:tcPr>
          <w:p w14:paraId="40C483E7" w14:textId="74959719" w:rsidR="00345E9F" w:rsidRPr="00012464" w:rsidRDefault="00345E9F" w:rsidP="00345E9F">
            <w:pPr>
              <w:spacing w:after="0" w:line="276" w:lineRule="auto"/>
              <w:jc w:val="center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Egenkontrol</w:t>
            </w:r>
          </w:p>
        </w:tc>
        <w:tc>
          <w:tcPr>
            <w:tcW w:w="7506" w:type="dxa"/>
            <w:gridSpan w:val="8"/>
            <w:vAlign w:val="center"/>
          </w:tcPr>
          <w:p w14:paraId="6DA6B94D" w14:textId="4FD0860A" w:rsidR="00345E9F" w:rsidRDefault="00345E9F" w:rsidP="00345E9F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 w:rsidRPr="00426C85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Dambruget har udtaget 6 egenkontrolprøver i 2024. Vandføring i udløb er i prøven fra </w:t>
            </w:r>
            <w:r w:rsidR="00F47C5D" w:rsidRPr="00426C85">
              <w:rPr>
                <w:rFonts w:ascii="Calibri" w:eastAsia="Calibri" w:hAnsi="Calibri" w:cs="Calibri"/>
                <w:color w:val="000000" w:themeColor="text1"/>
                <w:lang w:val="da-DK"/>
              </w:rPr>
              <w:t>oktober</w:t>
            </w:r>
            <w:r w:rsidRPr="00426C85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på 26 l/s og krav er 25 l/s. Overskridelsen vurderes at skyldes overfladevand tilført, i det indløb er på 22 l/s.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</w:t>
            </w:r>
            <w:r w:rsidR="00E746E1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Overskridelsen af </w:t>
            </w:r>
            <w:r w:rsidR="00B827E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vandføring </w:t>
            </w:r>
            <w:r w:rsidR="00FC517F">
              <w:rPr>
                <w:rFonts w:ascii="Calibri" w:eastAsia="Calibri" w:hAnsi="Calibri" w:cs="Calibri"/>
                <w:color w:val="000000" w:themeColor="text1"/>
                <w:lang w:val="da-DK"/>
              </w:rPr>
              <w:t>i udløb</w:t>
            </w:r>
            <w:r w:rsidR="009B1B25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håndhæves derfor ikke.</w:t>
            </w:r>
          </w:p>
          <w:p w14:paraId="301FC193" w14:textId="77777777" w:rsidR="00345E9F" w:rsidRPr="00012464" w:rsidRDefault="00345E9F" w:rsidP="00345E9F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Øvrige u</w:t>
            </w:r>
            <w:r>
              <w:rPr>
                <w:lang w:val="da-DK"/>
              </w:rPr>
              <w:t>dlederkrav, jf. miljøgodkendelsen, er overholdt.</w:t>
            </w:r>
          </w:p>
          <w:p w14:paraId="4D51EEF5" w14:textId="77777777" w:rsidR="00345E9F" w:rsidRPr="00012464" w:rsidRDefault="00345E9F" w:rsidP="00345E9F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Figurer med 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udledning i forhold til krav er</w:t>
            </w: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vedlagt som bilag.   </w:t>
            </w:r>
          </w:p>
          <w:p w14:paraId="3555C028" w14:textId="2FFE8C00" w:rsidR="00345E9F" w:rsidRPr="00012464" w:rsidRDefault="00345E9F" w:rsidP="00345E9F">
            <w:pPr>
              <w:spacing w:line="276" w:lineRule="auto"/>
              <w:rPr>
                <w:lang w:val="da-DK"/>
              </w:rPr>
            </w:pP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>Dambruget har ikke benyttet medicin i 202</w:t>
            </w:r>
            <w:r w:rsidR="00426C85">
              <w:rPr>
                <w:rFonts w:ascii="Calibri" w:eastAsia="Calibri" w:hAnsi="Calibri" w:cs="Calibri"/>
                <w:color w:val="000000" w:themeColor="text1"/>
                <w:lang w:val="da-DK"/>
              </w:rPr>
              <w:t>4</w:t>
            </w: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>. Dambruget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s</w:t>
            </w: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forbrug af hjælpestoffer vurderes at være i overensstemmelse med miljøgodkendelsens vilkår.</w:t>
            </w:r>
          </w:p>
        </w:tc>
      </w:tr>
      <w:tr w:rsidR="00345E9F" w:rsidRPr="00012464" w14:paraId="3239E6CF" w14:textId="77777777" w:rsidTr="2825C1AD">
        <w:trPr>
          <w:jc w:val="center"/>
        </w:trPr>
        <w:tc>
          <w:tcPr>
            <w:tcW w:w="2122" w:type="dxa"/>
            <w:vAlign w:val="center"/>
          </w:tcPr>
          <w:p w14:paraId="289F0E26" w14:textId="23008322" w:rsidR="00345E9F" w:rsidRPr="00012464" w:rsidRDefault="00345E9F" w:rsidP="00345E9F">
            <w:pPr>
              <w:spacing w:after="0" w:line="276" w:lineRule="auto"/>
              <w:jc w:val="center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 xml:space="preserve">Håndhævelser </w:t>
            </w:r>
          </w:p>
          <w:p w14:paraId="78EE823F" w14:textId="05ABE9A1" w:rsidR="00345E9F" w:rsidRPr="00012464" w:rsidRDefault="00345E9F" w:rsidP="00345E9F">
            <w:pPr>
              <w:spacing w:line="276" w:lineRule="auto"/>
              <w:jc w:val="center"/>
              <w:rPr>
                <w:b/>
                <w:lang w:val="da-DK"/>
              </w:rPr>
            </w:pPr>
          </w:p>
        </w:tc>
        <w:tc>
          <w:tcPr>
            <w:tcW w:w="7506" w:type="dxa"/>
            <w:gridSpan w:val="8"/>
            <w:vAlign w:val="center"/>
          </w:tcPr>
          <w:p w14:paraId="4C63F850" w14:textId="1ED11938" w:rsidR="00345E9F" w:rsidRPr="00012464" w:rsidRDefault="008353A1" w:rsidP="00345E9F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 xml:space="preserve">Aalborg Kommune </w:t>
            </w:r>
            <w:r w:rsidR="00162FE9">
              <w:rPr>
                <w:lang w:val="da-DK"/>
              </w:rPr>
              <w:t>har ingen håndhævelser i forbindelse med dette tilsyn.</w:t>
            </w:r>
          </w:p>
        </w:tc>
      </w:tr>
    </w:tbl>
    <w:p w14:paraId="7258738E" w14:textId="77777777" w:rsidR="00DA0416" w:rsidRPr="008426F8" w:rsidRDefault="00DA0416" w:rsidP="00DA0416">
      <w:r>
        <w:t xml:space="preserve"> </w:t>
      </w:r>
    </w:p>
    <w:p w14:paraId="0959A75A" w14:textId="77777777" w:rsidR="005D1347" w:rsidRDefault="005D1347"/>
    <w:sectPr w:rsidR="005D1347" w:rsidSect="008426F8">
      <w:headerReference w:type="even" r:id="rId10"/>
      <w:headerReference w:type="default" r:id="rId11"/>
      <w:footerReference w:type="even" r:id="rId12"/>
      <w:footerReference w:type="default" r:id="rId13"/>
      <w:headerReference w:type="first" r:id="rId14"/>
      <w:footerReference w:type="first" r:id="rId15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F75DD65" w14:textId="77777777" w:rsidR="00E4362F" w:rsidRDefault="00E4362F">
      <w:pPr>
        <w:spacing w:after="0" w:line="240" w:lineRule="auto"/>
      </w:pPr>
      <w:r>
        <w:separator/>
      </w:r>
    </w:p>
  </w:endnote>
  <w:endnote w:type="continuationSeparator" w:id="0">
    <w:p w14:paraId="65BEBFAB" w14:textId="77777777" w:rsidR="00E4362F" w:rsidRDefault="00E4362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729B604" w14:textId="77777777" w:rsidR="00FC517F" w:rsidRDefault="00FC517F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4025238" w14:textId="77777777" w:rsidR="00FC517F" w:rsidRDefault="00DA0416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276CE701" wp14:editId="17E6D03B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655FF0E" w14:textId="77777777" w:rsidR="00FC517F" w:rsidRPr="00080AA0" w:rsidRDefault="00DA0416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1D474E4F" wp14:editId="5393F4DB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76CE701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4655FF0E" w14:textId="77777777" w:rsidR="00FC517F" w:rsidRPr="00080AA0" w:rsidRDefault="00DA0416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1D474E4F" wp14:editId="5393F4DB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C60055E" w14:textId="77777777" w:rsidR="00FC517F" w:rsidRDefault="00FC517F" w:rsidP="00042200">
    <w:pPr>
      <w:pStyle w:val="Sidefod"/>
      <w:spacing w:after="0"/>
      <w:ind w:right="-1815"/>
      <w:rPr>
        <w:b/>
      </w:rPr>
    </w:pPr>
  </w:p>
  <w:p w14:paraId="4ABABDEA" w14:textId="77777777" w:rsidR="00FC517F" w:rsidRPr="00042200" w:rsidRDefault="00DA0416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5DFBAA9E" wp14:editId="1ACD635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E254C53" w14:textId="77777777" w:rsidR="00FC517F" w:rsidRPr="00080AA0" w:rsidRDefault="00DA0416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6E913C84" wp14:editId="54CB8026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DFBAA9E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6E254C53" w14:textId="77777777" w:rsidR="00FC517F" w:rsidRPr="00080AA0" w:rsidRDefault="00DA0416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6E913C84" wp14:editId="54CB8026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EBDBDFB" w14:textId="77777777" w:rsidR="00E4362F" w:rsidRDefault="00E4362F">
      <w:pPr>
        <w:spacing w:after="0" w:line="240" w:lineRule="auto"/>
      </w:pPr>
      <w:r>
        <w:separator/>
      </w:r>
    </w:p>
  </w:footnote>
  <w:footnote w:type="continuationSeparator" w:id="0">
    <w:p w14:paraId="07669723" w14:textId="77777777" w:rsidR="00E4362F" w:rsidRDefault="00E4362F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E0016BC" w14:textId="77777777" w:rsidR="00FC517F" w:rsidRDefault="00FC517F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646BA3F" w14:textId="77777777" w:rsidR="00FC517F" w:rsidRDefault="00FC517F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F72945" w14:textId="77777777" w:rsidR="00FC517F" w:rsidRDefault="00DA0416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61312" behindDoc="0" locked="0" layoutInCell="1" allowOverlap="1" wp14:anchorId="0CCF2A20" wp14:editId="028FB411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527A4B08"/>
    <w:multiLevelType w:val="hybridMultilevel"/>
    <w:tmpl w:val="404C0C2E"/>
    <w:lvl w:ilvl="0" w:tplc="040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103149263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A0416"/>
    <w:rsid w:val="00012464"/>
    <w:rsid w:val="00085622"/>
    <w:rsid w:val="00162FE9"/>
    <w:rsid w:val="001675E2"/>
    <w:rsid w:val="0022393F"/>
    <w:rsid w:val="00345E9F"/>
    <w:rsid w:val="00426C85"/>
    <w:rsid w:val="00477EA2"/>
    <w:rsid w:val="005D1347"/>
    <w:rsid w:val="006226D9"/>
    <w:rsid w:val="007D6C2C"/>
    <w:rsid w:val="008353A1"/>
    <w:rsid w:val="00984A1A"/>
    <w:rsid w:val="009B1B25"/>
    <w:rsid w:val="009E1BDC"/>
    <w:rsid w:val="00A15E62"/>
    <w:rsid w:val="00B05945"/>
    <w:rsid w:val="00B40991"/>
    <w:rsid w:val="00B827ED"/>
    <w:rsid w:val="00BB364D"/>
    <w:rsid w:val="00C21B6C"/>
    <w:rsid w:val="00D56CD8"/>
    <w:rsid w:val="00D76694"/>
    <w:rsid w:val="00DA0416"/>
    <w:rsid w:val="00E4362F"/>
    <w:rsid w:val="00E746E1"/>
    <w:rsid w:val="00ED05A1"/>
    <w:rsid w:val="00F12437"/>
    <w:rsid w:val="00F47C5D"/>
    <w:rsid w:val="00FC517F"/>
    <w:rsid w:val="00FD0E99"/>
    <w:rsid w:val="2825C1AD"/>
    <w:rsid w:val="7F14324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9B8FDE2"/>
  <w15:chartTrackingRefBased/>
  <w15:docId w15:val="{EF247AA9-7022-4ACA-9A97-D7E00AEA60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A0416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fod">
    <w:name w:val="footer"/>
    <w:basedOn w:val="Normal"/>
    <w:link w:val="SidefodTegn"/>
    <w:rsid w:val="00DA0416"/>
    <w:pPr>
      <w:tabs>
        <w:tab w:val="center" w:pos="4819"/>
        <w:tab w:val="right" w:pos="9638"/>
      </w:tabs>
    </w:pPr>
  </w:style>
  <w:style w:type="character" w:customStyle="1" w:styleId="SidefodTegn">
    <w:name w:val="Sidefod Tegn"/>
    <w:basedOn w:val="Standardskrifttypeiafsnit"/>
    <w:link w:val="Sidefod"/>
    <w:rsid w:val="00DA0416"/>
  </w:style>
  <w:style w:type="paragraph" w:styleId="Sidehoved">
    <w:name w:val="header"/>
    <w:basedOn w:val="Normal"/>
    <w:link w:val="SidehovedTegn"/>
    <w:rsid w:val="00DA0416"/>
    <w:pPr>
      <w:tabs>
        <w:tab w:val="center" w:pos="4819"/>
        <w:tab w:val="right" w:pos="9638"/>
      </w:tabs>
    </w:pPr>
  </w:style>
  <w:style w:type="character" w:customStyle="1" w:styleId="SidehovedTegn">
    <w:name w:val="Sidehoved Tegn"/>
    <w:basedOn w:val="Standardskrifttypeiafsnit"/>
    <w:link w:val="Sidehoved"/>
    <w:rsid w:val="00DA0416"/>
  </w:style>
  <w:style w:type="character" w:styleId="Sidetal">
    <w:name w:val="page number"/>
    <w:basedOn w:val="Standardskrifttypeiafsnit"/>
    <w:rsid w:val="00DA0416"/>
  </w:style>
  <w:style w:type="table" w:styleId="Tabel-Gitter">
    <w:name w:val="Table Grid"/>
    <w:basedOn w:val="Tabel-Normal"/>
    <w:uiPriority w:val="39"/>
    <w:rsid w:val="00DA0416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eastAsiaTheme="minorEastAsia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eafsnit">
    <w:name w:val="List Paragraph"/>
    <w:basedOn w:val="Normal"/>
    <w:uiPriority w:val="34"/>
    <w:qFormat/>
    <w:rsid w:val="001675E2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oter" Target="footer2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eader" Target="header2.xml"/><Relationship Id="rId5" Type="http://schemas.openxmlformats.org/officeDocument/2006/relationships/styles" Target="styles.xml"/><Relationship Id="rId15" Type="http://schemas.openxmlformats.org/officeDocument/2006/relationships/footer" Target="footer3.xml"/><Relationship Id="rId10" Type="http://schemas.openxmlformats.org/officeDocument/2006/relationships/header" Target="header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header" Target="header3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C1CA8E03D30027499BFB261CF8131E92" ma:contentTypeVersion="8" ma:contentTypeDescription="Opret et nyt dokument." ma:contentTypeScope="" ma:versionID="0170bc8830dc6e2871a0dbe71cc239d0">
  <xsd:schema xmlns:xsd="http://www.w3.org/2001/XMLSchema" xmlns:xs="http://www.w3.org/2001/XMLSchema" xmlns:p="http://schemas.microsoft.com/office/2006/metadata/properties" xmlns:ns2="6c08edbe-f33e-44a9-8d5e-f391a9b5e1b5" targetNamespace="http://schemas.microsoft.com/office/2006/metadata/properties" ma:root="true" ma:fieldsID="95921240464a2cb08b961e1be2de891a" ns2:_="">
    <xsd:import namespace="6c08edbe-f33e-44a9-8d5e-f391a9b5e1b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MediaServiceObjectDetectorVersions" minOccurs="0"/>
                <xsd:element ref="ns2:MediaServiceGenerationTime" minOccurs="0"/>
                <xsd:element ref="ns2:MediaServiceEventHashCode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c08edbe-f33e-44a9-8d5e-f391a9b5e1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33CFF0E0-C7DE-45CF-87AB-B1AB075E9A3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5D9348DF-8C4A-477E-B4F4-205E44A3D58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c08edbe-f33e-44a9-8d5e-f391a9b5e1b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FFAFDDC3-BCEC-4B28-A66D-B1E1098296C3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215</Words>
  <Characters>1311</Characters>
  <Application>Microsoft Office Word</Application>
  <DocSecurity>4</DocSecurity>
  <Lines>45</Lines>
  <Paragraphs>34</Paragraphs>
  <ScaleCrop>false</ScaleCrop>
  <Company/>
  <LinksUpToDate>false</LinksUpToDate>
  <CharactersWithSpaces>149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tte Schmidt Hildebrand</dc:creator>
  <cp:keywords/>
  <dc:description/>
  <cp:lastModifiedBy>Malene Berg Houbak</cp:lastModifiedBy>
  <cp:revision>2</cp:revision>
  <dcterms:created xsi:type="dcterms:W3CDTF">2025-04-24T06:08:00Z</dcterms:created>
  <dcterms:modified xsi:type="dcterms:W3CDTF">2025-04-24T06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1CA8E03D30027499BFB261CF8131E92</vt:lpwstr>
  </property>
  <property fmtid="{D5CDD505-2E9C-101B-9397-08002B2CF9AE}" pid="3" name="Order">
    <vt:r8>734600</vt:r8>
  </property>
  <property fmtid="{D5CDD505-2E9C-101B-9397-08002B2CF9AE}" pid="4" name="MediaServiceImageTags">
    <vt:lpwstr/>
  </property>
  <property fmtid="{D5CDD505-2E9C-101B-9397-08002B2CF9AE}" pid="5" name="xd_Signature">
    <vt:bool>false</vt:bool>
  </property>
  <property fmtid="{D5CDD505-2E9C-101B-9397-08002B2CF9AE}" pid="6" name="xd_ProgID">
    <vt:lpwstr/>
  </property>
  <property fmtid="{D5CDD505-2E9C-101B-9397-08002B2CF9AE}" pid="7" name="ESDH">
    <vt:lpwstr>Nej</vt:lpwstr>
  </property>
  <property fmtid="{D5CDD505-2E9C-101B-9397-08002B2CF9AE}" pid="8" name="ComplianceAssetId">
    <vt:lpwstr/>
  </property>
  <property fmtid="{D5CDD505-2E9C-101B-9397-08002B2CF9AE}" pid="9" name="TemplateUrl">
    <vt:lpwstr/>
  </property>
  <property fmtid="{D5CDD505-2E9C-101B-9397-08002B2CF9AE}" pid="10" name="_ExtendedDescription">
    <vt:lpwstr/>
  </property>
  <property fmtid="{D5CDD505-2E9C-101B-9397-08002B2CF9AE}" pid="11" name="TriggerFlowInfo">
    <vt:lpwstr/>
  </property>
</Properties>
</file>